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20" uniqueCount="341">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金城沖田医院</t>
    <phoneticPr fontId="3"/>
  </si>
  <si>
    <t>〒697-0123 浜田市金城町七条ハ３９３</t>
    <phoneticPr fontId="3"/>
  </si>
  <si>
    <t>〇</t>
  </si>
  <si>
    <t>2021年3月</t>
  </si>
  <si>
    <t>医療法人</t>
  </si>
  <si>
    <t>内科</t>
  </si>
  <si>
    <t>有</t>
  </si>
  <si>
    <t>無</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t="s">
        <v>334</v>
      </c>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t="s">
        <v>334</v>
      </c>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t="s">
        <v>334</v>
      </c>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335</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6</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2</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0</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7</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8</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3</v>
      </c>
      <c r="K159" s="99" t="str">
        <f t="shared" si="1"/>
        <v/>
      </c>
      <c r="L159" s="167"/>
      <c r="M159" s="167">
        <v>0</v>
      </c>
      <c r="N159" s="167">
        <v>3</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9</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334</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176</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894</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14</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t="s">
        <v>340</v>
      </c>
      <c r="K328" s="99" t="str">
        <f t="shared" si="3"/>
        <v>※</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t="s">
        <v>340</v>
      </c>
      <c r="K329" s="99" t="str">
        <f t="shared" si="3"/>
        <v>※</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t="s">
        <v>340</v>
      </c>
      <c r="K330" s="99" t="str">
        <f t="shared" si="3"/>
        <v>※</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t="s">
        <v>340</v>
      </c>
      <c r="K332" s="99" t="str">
        <f t="shared" si="3"/>
        <v>※</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1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t="s">
        <v>340</v>
      </c>
      <c r="K361" s="99" t="str">
        <f t="shared" si="4"/>
        <v>※</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1"/>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5:14Z</cp:lastPrinted>
  <dcterms:created xsi:type="dcterms:W3CDTF">2019-03-05T11:12:49Z</dcterms:created>
  <dcterms:modified xsi:type="dcterms:W3CDTF">2021-05-24T00:35:16Z</dcterms:modified>
</cp:coreProperties>
</file>